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4\2004\"/>
    </mc:Choice>
  </mc:AlternateContent>
  <bookViews>
    <workbookView xWindow="0" yWindow="0" windowWidth="28800" windowHeight="14250"/>
  </bookViews>
  <sheets>
    <sheet name="令和2年" sheetId="1" r:id="rId1"/>
  </sheets>
  <definedNames>
    <definedName name="_xlnm.Print_Area" localSheetId="0">令和2年!$A$1:$AF$3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4" uniqueCount="32">
  <si>
    <t>富山市の人口</t>
  </si>
  <si>
    <t>住民基本台帳人口</t>
  </si>
  <si>
    <t>令和　　2　  年</t>
    <rPh sb="0" eb="2">
      <t>レイワ</t>
    </rPh>
    <phoneticPr fontId="3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元年　　月別動態別人口）</t>
    <rPh sb="1" eb="3">
      <t>レイワ</t>
    </rPh>
    <rPh sb="3" eb="4">
      <t>ガン</t>
    </rPh>
    <phoneticPr fontId="3"/>
  </si>
  <si>
    <t>自　　然　　動　　態</t>
    <rPh sb="6" eb="7">
      <t>ドウ</t>
    </rPh>
    <rPh sb="9" eb="10">
      <t>タイ</t>
    </rPh>
    <phoneticPr fontId="3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3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3"/>
  </si>
  <si>
    <t>Ｂ</t>
  </si>
  <si>
    <t>Ａ＋Ｂ</t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3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3"/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0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4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1" fillId="0" borderId="0"/>
  </cellStyleXfs>
  <cellXfs count="78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0" fontId="2" fillId="0" borderId="0" xfId="0" applyFont="1" applyAlignment="1">
      <alignment horizontal="distributed" vertical="center"/>
    </xf>
    <xf numFmtId="0" fontId="4" fillId="0" borderId="1" xfId="0" applyFont="1" applyBorder="1" applyAlignment="1">
      <alignment horizontal="distributed" vertical="center"/>
    </xf>
    <xf numFmtId="0" fontId="4" fillId="0" borderId="2" xfId="0" applyFont="1" applyBorder="1" applyAlignment="1">
      <alignment horizontal="distributed" vertical="center"/>
    </xf>
    <xf numFmtId="0" fontId="4" fillId="0" borderId="3" xfId="0" applyFont="1" applyBorder="1" applyAlignment="1">
      <alignment horizontal="distributed" vertical="center"/>
    </xf>
    <xf numFmtId="0" fontId="5" fillId="0" borderId="0" xfId="0" applyFont="1" applyAlignment="1">
      <alignment horizontal="distributed" vertical="center"/>
    </xf>
    <xf numFmtId="0" fontId="6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6" fillId="0" borderId="0" xfId="0" applyFont="1" applyFill="1" applyAlignment="1" applyProtection="1">
      <alignment vertical="center"/>
      <protection locked="0"/>
    </xf>
    <xf numFmtId="0" fontId="6" fillId="0" borderId="0" xfId="0" applyFont="1" applyAlignment="1">
      <alignment vertical="center"/>
    </xf>
    <xf numFmtId="0" fontId="6" fillId="0" borderId="0" xfId="0" applyFont="1" applyAlignment="1">
      <alignment horizontal="distributed" vertical="center"/>
    </xf>
    <xf numFmtId="176" fontId="6" fillId="0" borderId="0" xfId="0" applyNumberFormat="1" applyFont="1" applyAlignment="1">
      <alignment horizontal="right" vertical="center"/>
    </xf>
    <xf numFmtId="177" fontId="6" fillId="0" borderId="0" xfId="0" applyNumberFormat="1" applyFont="1" applyAlignment="1">
      <alignment vertical="center"/>
    </xf>
    <xf numFmtId="0" fontId="6" fillId="0" borderId="0" xfId="0" applyFont="1" applyAlignment="1">
      <alignment horizontal="center" vertical="center"/>
    </xf>
    <xf numFmtId="0" fontId="6" fillId="0" borderId="0" xfId="0" applyFont="1" applyAlignment="1">
      <alignment horizontal="right" vertical="center"/>
    </xf>
    <xf numFmtId="178" fontId="6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2" fillId="0" borderId="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8" xfId="0" applyFont="1" applyBorder="1" applyAlignment="1">
      <alignment vertical="center"/>
    </xf>
    <xf numFmtId="0" fontId="2" fillId="0" borderId="9" xfId="0" applyFont="1" applyBorder="1" applyAlignment="1">
      <alignment vertical="center"/>
    </xf>
    <xf numFmtId="0" fontId="2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2" fillId="0" borderId="19" xfId="0" applyFont="1" applyBorder="1" applyAlignment="1">
      <alignment horizontal="center" vertical="center"/>
    </xf>
    <xf numFmtId="0" fontId="2" fillId="0" borderId="2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2" fillId="0" borderId="26" xfId="0" applyFont="1" applyBorder="1" applyAlignment="1">
      <alignment horizontal="center" vertical="center"/>
    </xf>
    <xf numFmtId="0" fontId="2" fillId="0" borderId="27" xfId="0" applyFont="1" applyBorder="1" applyAlignment="1">
      <alignment horizontal="center" vertical="center"/>
    </xf>
    <xf numFmtId="0" fontId="2" fillId="0" borderId="28" xfId="0" applyFont="1" applyBorder="1" applyAlignment="1">
      <alignment horizontal="center" vertical="center"/>
    </xf>
    <xf numFmtId="0" fontId="2" fillId="0" borderId="29" xfId="0" applyFont="1" applyBorder="1" applyAlignment="1">
      <alignment horizontal="center" vertical="center"/>
    </xf>
    <xf numFmtId="0" fontId="2" fillId="0" borderId="30" xfId="0" applyFont="1" applyBorder="1" applyAlignment="1">
      <alignment horizontal="center" vertical="center"/>
    </xf>
    <xf numFmtId="179" fontId="2" fillId="2" borderId="31" xfId="0" applyNumberFormat="1" applyFont="1" applyFill="1" applyBorder="1" applyAlignment="1" applyProtection="1">
      <alignment horizontal="right" vertical="center"/>
      <protection locked="0"/>
    </xf>
    <xf numFmtId="179" fontId="2" fillId="0" borderId="31" xfId="0" applyNumberFormat="1" applyFont="1" applyBorder="1" applyAlignment="1">
      <alignment horizontal="right" vertical="center"/>
    </xf>
    <xf numFmtId="180" fontId="2" fillId="0" borderId="31" xfId="0" applyNumberFormat="1" applyFont="1" applyBorder="1" applyAlignment="1">
      <alignment horizontal="right" vertical="center"/>
    </xf>
    <xf numFmtId="180" fontId="2" fillId="0" borderId="32" xfId="0" applyNumberFormat="1" applyFont="1" applyBorder="1" applyAlignment="1">
      <alignment horizontal="right" vertical="center"/>
    </xf>
    <xf numFmtId="0" fontId="2" fillId="0" borderId="33" xfId="0" applyFont="1" applyBorder="1" applyAlignment="1">
      <alignment horizontal="center" vertical="center"/>
    </xf>
    <xf numFmtId="179" fontId="2" fillId="2" borderId="34" xfId="0" applyNumberFormat="1" applyFont="1" applyFill="1" applyBorder="1" applyAlignment="1" applyProtection="1">
      <alignment horizontal="right" vertical="center"/>
      <protection locked="0"/>
    </xf>
    <xf numFmtId="179" fontId="2" fillId="0" borderId="34" xfId="0" applyNumberFormat="1" applyFont="1" applyBorder="1" applyAlignment="1">
      <alignment horizontal="right" vertical="center"/>
    </xf>
    <xf numFmtId="180" fontId="2" fillId="0" borderId="34" xfId="0" applyNumberFormat="1" applyFont="1" applyBorder="1" applyAlignment="1">
      <alignment horizontal="right" vertical="center"/>
    </xf>
    <xf numFmtId="180" fontId="2" fillId="0" borderId="35" xfId="0" applyNumberFormat="1" applyFont="1" applyBorder="1" applyAlignment="1">
      <alignment horizontal="right" vertical="center"/>
    </xf>
    <xf numFmtId="0" fontId="2" fillId="0" borderId="33" xfId="1" applyFont="1" applyBorder="1" applyAlignment="1">
      <alignment horizontal="center" vertical="center"/>
    </xf>
    <xf numFmtId="179" fontId="2" fillId="2" borderId="34" xfId="1" applyNumberFormat="1" applyFont="1" applyFill="1" applyBorder="1" applyAlignment="1" applyProtection="1">
      <alignment horizontal="right" vertical="center"/>
      <protection locked="0"/>
    </xf>
    <xf numFmtId="179" fontId="2" fillId="0" borderId="34" xfId="1" applyNumberFormat="1" applyFont="1" applyBorder="1" applyAlignment="1">
      <alignment horizontal="right" vertical="center"/>
    </xf>
    <xf numFmtId="180" fontId="2" fillId="0" borderId="34" xfId="1" applyNumberFormat="1" applyFont="1" applyBorder="1" applyAlignment="1">
      <alignment horizontal="right" vertical="center"/>
    </xf>
    <xf numFmtId="180" fontId="2" fillId="0" borderId="35" xfId="1" applyNumberFormat="1" applyFont="1" applyBorder="1" applyAlignment="1">
      <alignment horizontal="right" vertical="center"/>
    </xf>
    <xf numFmtId="0" fontId="2" fillId="0" borderId="0" xfId="1" applyFont="1" applyAlignment="1">
      <alignment vertical="center"/>
    </xf>
    <xf numFmtId="0" fontId="2" fillId="0" borderId="36" xfId="0" applyFont="1" applyBorder="1" applyAlignment="1">
      <alignment horizontal="center" vertical="center"/>
    </xf>
    <xf numFmtId="179" fontId="2" fillId="2" borderId="37" xfId="0" applyNumberFormat="1" applyFont="1" applyFill="1" applyBorder="1" applyAlignment="1" applyProtection="1">
      <alignment horizontal="right" vertical="center"/>
      <protection locked="0"/>
    </xf>
    <xf numFmtId="179" fontId="2" fillId="0" borderId="37" xfId="0" applyNumberFormat="1" applyFont="1" applyBorder="1" applyAlignment="1">
      <alignment horizontal="right" vertical="center"/>
    </xf>
    <xf numFmtId="180" fontId="2" fillId="0" borderId="37" xfId="0" applyNumberFormat="1" applyFont="1" applyBorder="1" applyAlignment="1">
      <alignment horizontal="right" vertical="center"/>
    </xf>
    <xf numFmtId="180" fontId="2" fillId="0" borderId="38" xfId="0" applyNumberFormat="1" applyFont="1" applyBorder="1" applyAlignment="1">
      <alignment horizontal="right" vertical="center"/>
    </xf>
    <xf numFmtId="179" fontId="2" fillId="0" borderId="28" xfId="0" applyNumberFormat="1" applyFont="1" applyBorder="1" applyAlignment="1">
      <alignment horizontal="right" vertical="center"/>
    </xf>
    <xf numFmtId="179" fontId="2" fillId="0" borderId="28" xfId="0" applyNumberFormat="1" applyFont="1" applyBorder="1" applyAlignment="1">
      <alignment horizontal="center" vertical="center"/>
    </xf>
    <xf numFmtId="179" fontId="2" fillId="0" borderId="29" xfId="0" applyNumberFormat="1" applyFont="1" applyBorder="1" applyAlignment="1">
      <alignment horizontal="center" vertical="center"/>
    </xf>
    <xf numFmtId="180" fontId="2" fillId="0" borderId="0" xfId="0" applyNumberFormat="1" applyFont="1" applyAlignment="1">
      <alignment horizontal="right" vertical="center"/>
    </xf>
    <xf numFmtId="0" fontId="9" fillId="0" borderId="0" xfId="0" applyFont="1" applyAlignment="1">
      <alignment vertical="center"/>
    </xf>
    <xf numFmtId="180" fontId="2" fillId="0" borderId="0" xfId="0" applyNumberFormat="1" applyFont="1" applyAlignment="1" applyProtection="1">
      <alignment horizontal="right" vertical="center"/>
    </xf>
    <xf numFmtId="0" fontId="2" fillId="0" borderId="39" xfId="0" applyFont="1" applyBorder="1" applyAlignment="1">
      <alignment vertical="center"/>
    </xf>
    <xf numFmtId="180" fontId="2" fillId="0" borderId="39" xfId="0" applyNumberFormat="1" applyFont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J45"/>
  <sheetViews>
    <sheetView tabSelected="1" zoomScale="89" zoomScaleNormal="89" workbookViewId="0">
      <selection activeCell="M1" sqref="M1:W1"/>
    </sheetView>
  </sheetViews>
  <sheetFormatPr defaultColWidth="9" defaultRowHeight="13.5" x14ac:dyDescent="0.15"/>
  <cols>
    <col min="1" max="1" width="3.7109375" style="1" customWidth="1"/>
    <col min="2" max="7" width="5.7109375" style="2" customWidth="1"/>
    <col min="8" max="8" width="6.28515625" style="2" customWidth="1"/>
    <col min="9" max="16" width="5.7109375" style="2" customWidth="1"/>
    <col min="17" max="17" width="6.7109375" style="2" customWidth="1"/>
    <col min="18" max="25" width="5.7109375" style="2" customWidth="1"/>
    <col min="26" max="28" width="6.7109375" style="2" customWidth="1"/>
    <col min="29" max="32" width="8.7109375" style="2" customWidth="1"/>
    <col min="33" max="16384" width="9" style="2"/>
  </cols>
  <sheetData>
    <row r="1" spans="1:32" ht="41.25" customHeight="1" x14ac:dyDescent="0.15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15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5" customHeight="1" x14ac:dyDescent="0.15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4</v>
      </c>
      <c r="V3" s="11" t="s">
        <v>3</v>
      </c>
      <c r="W3" s="11"/>
    </row>
    <row r="4" spans="1:32" ht="24.95" customHeight="1" x14ac:dyDescent="0.15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5" customHeight="1" x14ac:dyDescent="0.15">
      <c r="L5" s="11"/>
      <c r="M5" s="12" t="s">
        <v>4</v>
      </c>
      <c r="N5" s="12"/>
      <c r="O5" s="12"/>
      <c r="P5" s="11"/>
      <c r="Q5" s="11"/>
      <c r="R5" s="13">
        <v>181010</v>
      </c>
      <c r="S5" s="13"/>
      <c r="T5" s="13"/>
      <c r="U5" s="14"/>
      <c r="V5" s="15" t="s">
        <v>4</v>
      </c>
      <c r="W5" s="11"/>
    </row>
    <row r="6" spans="1:32" ht="24.95" customHeight="1" x14ac:dyDescent="0.15">
      <c r="L6" s="11"/>
      <c r="M6" s="12" t="s">
        <v>5</v>
      </c>
      <c r="N6" s="12"/>
      <c r="O6" s="12"/>
      <c r="P6" s="11"/>
      <c r="Q6" s="11"/>
      <c r="R6" s="13">
        <v>414971</v>
      </c>
      <c r="S6" s="13"/>
      <c r="T6" s="13"/>
      <c r="U6" s="16"/>
      <c r="V6" s="15" t="s">
        <v>6</v>
      </c>
      <c r="W6" s="11"/>
    </row>
    <row r="7" spans="1:32" ht="24.95" customHeight="1" x14ac:dyDescent="0.15">
      <c r="L7" s="11"/>
      <c r="M7" s="11"/>
      <c r="N7" s="15" t="s">
        <v>7</v>
      </c>
      <c r="O7" s="11"/>
      <c r="P7" s="11"/>
      <c r="Q7" s="11"/>
      <c r="R7" s="13">
        <v>202238</v>
      </c>
      <c r="S7" s="13"/>
      <c r="T7" s="13"/>
      <c r="U7" s="16"/>
      <c r="V7" s="15" t="s">
        <v>6</v>
      </c>
      <c r="W7" s="11"/>
    </row>
    <row r="8" spans="1:32" ht="24.95" customHeight="1" x14ac:dyDescent="0.15">
      <c r="L8" s="11"/>
      <c r="M8" s="11"/>
      <c r="N8" s="15" t="s">
        <v>8</v>
      </c>
      <c r="O8" s="11"/>
      <c r="P8" s="11"/>
      <c r="Q8" s="11"/>
      <c r="R8" s="13">
        <v>212733</v>
      </c>
      <c r="S8" s="13"/>
      <c r="T8" s="13"/>
      <c r="U8" s="16"/>
      <c r="V8" s="15" t="s">
        <v>6</v>
      </c>
      <c r="W8" s="11"/>
    </row>
    <row r="9" spans="1:32" ht="14.25" customHeight="1" x14ac:dyDescent="0.15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5" customHeight="1" x14ac:dyDescent="0.15">
      <c r="L10" s="11"/>
      <c r="M10" s="12" t="s">
        <v>9</v>
      </c>
      <c r="N10" s="12"/>
      <c r="O10" s="12"/>
      <c r="P10" s="11"/>
      <c r="Q10" s="11"/>
      <c r="R10" s="17">
        <v>1241.77</v>
      </c>
      <c r="S10" s="17"/>
      <c r="T10" s="17"/>
      <c r="U10" s="11"/>
      <c r="V10" s="15" t="s">
        <v>10</v>
      </c>
      <c r="W10" s="11"/>
    </row>
    <row r="11" spans="1:32" ht="24.95" customHeight="1" x14ac:dyDescent="0.15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5" customHeight="1" x14ac:dyDescent="0.15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5" customHeight="1" x14ac:dyDescent="0.15"/>
    <row r="14" spans="1:32" ht="20.100000000000001" customHeight="1" x14ac:dyDescent="0.15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15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15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15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15">
      <c r="A18" s="49">
        <v>1</v>
      </c>
      <c r="B18" s="50">
        <v>110</v>
      </c>
      <c r="C18" s="50">
        <v>100</v>
      </c>
      <c r="D18" s="51">
        <v>210</v>
      </c>
      <c r="E18" s="50">
        <v>217</v>
      </c>
      <c r="F18" s="50">
        <v>247</v>
      </c>
      <c r="G18" s="51">
        <v>464</v>
      </c>
      <c r="H18" s="51">
        <v>-254</v>
      </c>
      <c r="I18" s="50">
        <v>301</v>
      </c>
      <c r="J18" s="50">
        <v>96</v>
      </c>
      <c r="K18" s="50">
        <v>105</v>
      </c>
      <c r="L18" s="51">
        <v>201</v>
      </c>
      <c r="M18" s="50">
        <v>355</v>
      </c>
      <c r="N18" s="50">
        <v>298</v>
      </c>
      <c r="O18" s="50">
        <v>228</v>
      </c>
      <c r="P18" s="51">
        <v>526</v>
      </c>
      <c r="Q18" s="51">
        <v>727</v>
      </c>
      <c r="R18" s="50">
        <v>392</v>
      </c>
      <c r="S18" s="50">
        <v>126</v>
      </c>
      <c r="T18" s="50">
        <v>114</v>
      </c>
      <c r="U18" s="51">
        <v>240</v>
      </c>
      <c r="V18" s="50">
        <v>252</v>
      </c>
      <c r="W18" s="50">
        <v>269</v>
      </c>
      <c r="X18" s="50">
        <v>194</v>
      </c>
      <c r="Y18" s="51">
        <v>463</v>
      </c>
      <c r="Z18" s="51">
        <v>703</v>
      </c>
      <c r="AA18" s="51">
        <v>24</v>
      </c>
      <c r="AB18" s="51">
        <v>-230</v>
      </c>
      <c r="AC18" s="52">
        <v>180046</v>
      </c>
      <c r="AD18" s="52">
        <v>202380</v>
      </c>
      <c r="AE18" s="52">
        <v>213155</v>
      </c>
      <c r="AF18" s="53">
        <v>415535</v>
      </c>
    </row>
    <row r="19" spans="1:32" ht="20.100000000000001" customHeight="1" x14ac:dyDescent="0.15">
      <c r="A19" s="54">
        <v>2</v>
      </c>
      <c r="B19" s="55">
        <v>100</v>
      </c>
      <c r="C19" s="55">
        <v>96</v>
      </c>
      <c r="D19" s="56">
        <v>196</v>
      </c>
      <c r="E19" s="55">
        <v>199</v>
      </c>
      <c r="F19" s="55">
        <v>184</v>
      </c>
      <c r="G19" s="56">
        <v>383</v>
      </c>
      <c r="H19" s="56">
        <v>-187</v>
      </c>
      <c r="I19" s="55">
        <v>333</v>
      </c>
      <c r="J19" s="55">
        <v>125</v>
      </c>
      <c r="K19" s="55">
        <v>127</v>
      </c>
      <c r="L19" s="56">
        <v>252</v>
      </c>
      <c r="M19" s="55">
        <v>328</v>
      </c>
      <c r="N19" s="55">
        <v>305</v>
      </c>
      <c r="O19" s="55">
        <v>190</v>
      </c>
      <c r="P19" s="56">
        <v>495</v>
      </c>
      <c r="Q19" s="56">
        <v>747</v>
      </c>
      <c r="R19" s="55">
        <v>342</v>
      </c>
      <c r="S19" s="55">
        <v>115</v>
      </c>
      <c r="T19" s="55">
        <v>114</v>
      </c>
      <c r="U19" s="56">
        <v>229</v>
      </c>
      <c r="V19" s="55">
        <v>269</v>
      </c>
      <c r="W19" s="55">
        <v>289</v>
      </c>
      <c r="X19" s="55">
        <v>242</v>
      </c>
      <c r="Y19" s="56">
        <v>531</v>
      </c>
      <c r="Z19" s="56">
        <v>760</v>
      </c>
      <c r="AA19" s="56">
        <v>-13</v>
      </c>
      <c r="AB19" s="56">
        <v>-200</v>
      </c>
      <c r="AC19" s="57">
        <v>180096</v>
      </c>
      <c r="AD19" s="57">
        <v>202307</v>
      </c>
      <c r="AE19" s="57">
        <v>213028</v>
      </c>
      <c r="AF19" s="58">
        <v>415335</v>
      </c>
    </row>
    <row r="20" spans="1:32" ht="20.100000000000001" customHeight="1" x14ac:dyDescent="0.15">
      <c r="A20" s="54">
        <v>3</v>
      </c>
      <c r="B20" s="55">
        <v>131</v>
      </c>
      <c r="C20" s="55">
        <v>126</v>
      </c>
      <c r="D20" s="56">
        <v>257</v>
      </c>
      <c r="E20" s="55">
        <v>206</v>
      </c>
      <c r="F20" s="55">
        <v>190</v>
      </c>
      <c r="G20" s="56">
        <v>396</v>
      </c>
      <c r="H20" s="56">
        <v>-139</v>
      </c>
      <c r="I20" s="55">
        <v>612</v>
      </c>
      <c r="J20" s="55">
        <v>268</v>
      </c>
      <c r="K20" s="55">
        <v>231</v>
      </c>
      <c r="L20" s="56">
        <v>499</v>
      </c>
      <c r="M20" s="55">
        <v>1040</v>
      </c>
      <c r="N20" s="55">
        <v>955</v>
      </c>
      <c r="O20" s="55">
        <v>705</v>
      </c>
      <c r="P20" s="56">
        <v>1660</v>
      </c>
      <c r="Q20" s="56">
        <v>2159</v>
      </c>
      <c r="R20" s="55">
        <v>510</v>
      </c>
      <c r="S20" s="55">
        <v>298</v>
      </c>
      <c r="T20" s="55">
        <v>227</v>
      </c>
      <c r="U20" s="56">
        <v>525</v>
      </c>
      <c r="V20" s="55">
        <v>850</v>
      </c>
      <c r="W20" s="55">
        <v>1169</v>
      </c>
      <c r="X20" s="55">
        <v>1002</v>
      </c>
      <c r="Y20" s="56">
        <v>2171</v>
      </c>
      <c r="Z20" s="56">
        <v>2696</v>
      </c>
      <c r="AA20" s="56">
        <v>-537</v>
      </c>
      <c r="AB20" s="56">
        <v>-676</v>
      </c>
      <c r="AC20" s="57">
        <v>180388</v>
      </c>
      <c r="AD20" s="57">
        <v>201988</v>
      </c>
      <c r="AE20" s="57">
        <v>212671</v>
      </c>
      <c r="AF20" s="58">
        <v>414659</v>
      </c>
    </row>
    <row r="21" spans="1:32" ht="20.100000000000001" customHeight="1" x14ac:dyDescent="0.15">
      <c r="A21" s="54">
        <v>4</v>
      </c>
      <c r="B21" s="55">
        <v>149</v>
      </c>
      <c r="C21" s="55">
        <v>106</v>
      </c>
      <c r="D21" s="56">
        <v>255</v>
      </c>
      <c r="E21" s="55">
        <v>178</v>
      </c>
      <c r="F21" s="55">
        <v>196</v>
      </c>
      <c r="G21" s="56">
        <v>374</v>
      </c>
      <c r="H21" s="56">
        <v>-119</v>
      </c>
      <c r="I21" s="55">
        <v>687</v>
      </c>
      <c r="J21" s="55">
        <v>286</v>
      </c>
      <c r="K21" s="55">
        <v>231</v>
      </c>
      <c r="L21" s="56">
        <v>517</v>
      </c>
      <c r="M21" s="55">
        <v>871</v>
      </c>
      <c r="N21" s="55">
        <v>828</v>
      </c>
      <c r="O21" s="55">
        <v>522</v>
      </c>
      <c r="P21" s="56">
        <v>1350</v>
      </c>
      <c r="Q21" s="56">
        <v>1867</v>
      </c>
      <c r="R21" s="55">
        <v>427</v>
      </c>
      <c r="S21" s="55">
        <v>199</v>
      </c>
      <c r="T21" s="55">
        <v>148</v>
      </c>
      <c r="U21" s="56">
        <v>347</v>
      </c>
      <c r="V21" s="55">
        <v>509</v>
      </c>
      <c r="W21" s="55">
        <v>636</v>
      </c>
      <c r="X21" s="55">
        <v>453</v>
      </c>
      <c r="Y21" s="56">
        <v>1089</v>
      </c>
      <c r="Z21" s="56">
        <v>1436</v>
      </c>
      <c r="AA21" s="56">
        <v>431</v>
      </c>
      <c r="AB21" s="56">
        <v>312</v>
      </c>
      <c r="AC21" s="57">
        <v>181010</v>
      </c>
      <c r="AD21" s="57">
        <v>202238</v>
      </c>
      <c r="AE21" s="57">
        <v>212733</v>
      </c>
      <c r="AF21" s="58">
        <v>414971</v>
      </c>
    </row>
    <row r="22" spans="1:32" ht="20.100000000000001" customHeight="1" x14ac:dyDescent="0.15">
      <c r="A22" s="54">
        <v>5</v>
      </c>
      <c r="B22" s="55"/>
      <c r="C22" s="55"/>
      <c r="D22" s="56">
        <v>0</v>
      </c>
      <c r="E22" s="55"/>
      <c r="F22" s="55"/>
      <c r="G22" s="56">
        <v>0</v>
      </c>
      <c r="H22" s="56">
        <v>0</v>
      </c>
      <c r="I22" s="55"/>
      <c r="J22" s="55"/>
      <c r="K22" s="55"/>
      <c r="L22" s="56">
        <v>0</v>
      </c>
      <c r="M22" s="55"/>
      <c r="N22" s="55"/>
      <c r="O22" s="55"/>
      <c r="P22" s="56">
        <v>0</v>
      </c>
      <c r="Q22" s="56">
        <v>0</v>
      </c>
      <c r="R22" s="55"/>
      <c r="S22" s="55"/>
      <c r="T22" s="55"/>
      <c r="U22" s="56">
        <v>0</v>
      </c>
      <c r="V22" s="55"/>
      <c r="W22" s="55"/>
      <c r="X22" s="55"/>
      <c r="Y22" s="56">
        <v>0</v>
      </c>
      <c r="Z22" s="56">
        <v>0</v>
      </c>
      <c r="AA22" s="56">
        <v>0</v>
      </c>
      <c r="AB22" s="56">
        <v>0</v>
      </c>
      <c r="AC22" s="57" t="s">
        <v>31</v>
      </c>
      <c r="AD22" s="57" t="s">
        <v>31</v>
      </c>
      <c r="AE22" s="57" t="s">
        <v>31</v>
      </c>
      <c r="AF22" s="58">
        <v>0</v>
      </c>
    </row>
    <row r="23" spans="1:32" s="64" customFormat="1" ht="20.100000000000001" customHeight="1" x14ac:dyDescent="0.15">
      <c r="A23" s="59">
        <v>6</v>
      </c>
      <c r="B23" s="60"/>
      <c r="C23" s="60"/>
      <c r="D23" s="61">
        <v>0</v>
      </c>
      <c r="E23" s="60"/>
      <c r="F23" s="60"/>
      <c r="G23" s="61">
        <v>0</v>
      </c>
      <c r="H23" s="61">
        <v>0</v>
      </c>
      <c r="I23" s="60"/>
      <c r="J23" s="60"/>
      <c r="K23" s="60"/>
      <c r="L23" s="61">
        <v>0</v>
      </c>
      <c r="M23" s="60"/>
      <c r="N23" s="60"/>
      <c r="O23" s="60"/>
      <c r="P23" s="61">
        <v>0</v>
      </c>
      <c r="Q23" s="61">
        <v>0</v>
      </c>
      <c r="R23" s="60"/>
      <c r="S23" s="60"/>
      <c r="T23" s="60"/>
      <c r="U23" s="61">
        <v>0</v>
      </c>
      <c r="V23" s="60"/>
      <c r="W23" s="60"/>
      <c r="X23" s="60"/>
      <c r="Y23" s="61">
        <v>0</v>
      </c>
      <c r="Z23" s="61">
        <v>0</v>
      </c>
      <c r="AA23" s="61">
        <v>0</v>
      </c>
      <c r="AB23" s="61">
        <v>0</v>
      </c>
      <c r="AC23" s="62" t="s">
        <v>31</v>
      </c>
      <c r="AD23" s="62" t="s">
        <v>31</v>
      </c>
      <c r="AE23" s="62" t="s">
        <v>31</v>
      </c>
      <c r="AF23" s="63">
        <v>0</v>
      </c>
    </row>
    <row r="24" spans="1:32" ht="20.100000000000001" customHeight="1" x14ac:dyDescent="0.15">
      <c r="A24" s="54">
        <v>7</v>
      </c>
      <c r="B24" s="55"/>
      <c r="C24" s="55"/>
      <c r="D24" s="56">
        <v>0</v>
      </c>
      <c r="E24" s="55"/>
      <c r="F24" s="55"/>
      <c r="G24" s="56">
        <v>0</v>
      </c>
      <c r="H24" s="56">
        <v>0</v>
      </c>
      <c r="I24" s="55"/>
      <c r="J24" s="55"/>
      <c r="K24" s="55"/>
      <c r="L24" s="56">
        <v>0</v>
      </c>
      <c r="M24" s="55"/>
      <c r="N24" s="55"/>
      <c r="O24" s="55"/>
      <c r="P24" s="56">
        <v>0</v>
      </c>
      <c r="Q24" s="56">
        <v>0</v>
      </c>
      <c r="R24" s="55"/>
      <c r="S24" s="55"/>
      <c r="T24" s="55"/>
      <c r="U24" s="56">
        <v>0</v>
      </c>
      <c r="V24" s="55"/>
      <c r="W24" s="55"/>
      <c r="X24" s="55"/>
      <c r="Y24" s="56">
        <v>0</v>
      </c>
      <c r="Z24" s="56">
        <v>0</v>
      </c>
      <c r="AA24" s="56">
        <v>0</v>
      </c>
      <c r="AB24" s="56">
        <v>0</v>
      </c>
      <c r="AC24" s="57" t="s">
        <v>31</v>
      </c>
      <c r="AD24" s="57" t="s">
        <v>31</v>
      </c>
      <c r="AE24" s="57" t="s">
        <v>31</v>
      </c>
      <c r="AF24" s="58">
        <v>0</v>
      </c>
    </row>
    <row r="25" spans="1:32" ht="20.100000000000001" customHeight="1" x14ac:dyDescent="0.15">
      <c r="A25" s="54">
        <v>8</v>
      </c>
      <c r="B25" s="55"/>
      <c r="C25" s="55"/>
      <c r="D25" s="56">
        <v>0</v>
      </c>
      <c r="E25" s="55"/>
      <c r="F25" s="55"/>
      <c r="G25" s="56">
        <v>0</v>
      </c>
      <c r="H25" s="56">
        <v>0</v>
      </c>
      <c r="I25" s="55"/>
      <c r="J25" s="55"/>
      <c r="K25" s="55"/>
      <c r="L25" s="56">
        <v>0</v>
      </c>
      <c r="M25" s="55"/>
      <c r="N25" s="55"/>
      <c r="O25" s="55"/>
      <c r="P25" s="56">
        <v>0</v>
      </c>
      <c r="Q25" s="56">
        <v>0</v>
      </c>
      <c r="R25" s="55"/>
      <c r="S25" s="55"/>
      <c r="T25" s="55"/>
      <c r="U25" s="56">
        <v>0</v>
      </c>
      <c r="V25" s="55"/>
      <c r="W25" s="55"/>
      <c r="X25" s="55"/>
      <c r="Y25" s="56">
        <v>0</v>
      </c>
      <c r="Z25" s="56">
        <v>0</v>
      </c>
      <c r="AA25" s="56">
        <v>0</v>
      </c>
      <c r="AB25" s="56">
        <v>0</v>
      </c>
      <c r="AC25" s="57" t="s">
        <v>31</v>
      </c>
      <c r="AD25" s="57" t="s">
        <v>31</v>
      </c>
      <c r="AE25" s="57" t="s">
        <v>31</v>
      </c>
      <c r="AF25" s="58">
        <v>0</v>
      </c>
    </row>
    <row r="26" spans="1:32" ht="20.100000000000001" customHeight="1" x14ac:dyDescent="0.15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31</v>
      </c>
      <c r="AD26" s="57" t="s">
        <v>31</v>
      </c>
      <c r="AE26" s="57" t="s">
        <v>31</v>
      </c>
      <c r="AF26" s="58">
        <v>0</v>
      </c>
    </row>
    <row r="27" spans="1:32" ht="20.100000000000001" customHeight="1" x14ac:dyDescent="0.15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31</v>
      </c>
      <c r="AD27" s="57" t="s">
        <v>31</v>
      </c>
      <c r="AE27" s="57" t="s">
        <v>31</v>
      </c>
      <c r="AF27" s="58">
        <v>0</v>
      </c>
    </row>
    <row r="28" spans="1:32" ht="20.100000000000001" customHeight="1" x14ac:dyDescent="0.15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31</v>
      </c>
      <c r="AD28" s="57" t="s">
        <v>31</v>
      </c>
      <c r="AE28" s="57" t="s">
        <v>31</v>
      </c>
      <c r="AF28" s="58">
        <v>0</v>
      </c>
    </row>
    <row r="29" spans="1:32" ht="20.100000000000001" customHeight="1" x14ac:dyDescent="0.15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66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31</v>
      </c>
      <c r="AD29" s="68" t="s">
        <v>31</v>
      </c>
      <c r="AE29" s="68" t="s">
        <v>31</v>
      </c>
      <c r="AF29" s="69">
        <v>0</v>
      </c>
    </row>
    <row r="30" spans="1:32" ht="20.100000000000001" customHeight="1" x14ac:dyDescent="0.15">
      <c r="A30" s="45" t="s">
        <v>24</v>
      </c>
      <c r="B30" s="70">
        <v>490</v>
      </c>
      <c r="C30" s="70">
        <v>428</v>
      </c>
      <c r="D30" s="70">
        <v>918</v>
      </c>
      <c r="E30" s="70">
        <v>800</v>
      </c>
      <c r="F30" s="70">
        <v>817</v>
      </c>
      <c r="G30" s="70">
        <v>1617</v>
      </c>
      <c r="H30" s="70">
        <v>-699</v>
      </c>
      <c r="I30" s="70">
        <v>1933</v>
      </c>
      <c r="J30" s="70">
        <v>775</v>
      </c>
      <c r="K30" s="70">
        <v>694</v>
      </c>
      <c r="L30" s="70">
        <v>1469</v>
      </c>
      <c r="M30" s="70">
        <v>2594</v>
      </c>
      <c r="N30" s="70">
        <v>2386</v>
      </c>
      <c r="O30" s="70">
        <v>1645</v>
      </c>
      <c r="P30" s="70">
        <v>4031</v>
      </c>
      <c r="Q30" s="70">
        <v>5500</v>
      </c>
      <c r="R30" s="70">
        <v>1671</v>
      </c>
      <c r="S30" s="70">
        <v>738</v>
      </c>
      <c r="T30" s="70">
        <v>603</v>
      </c>
      <c r="U30" s="70">
        <v>1341</v>
      </c>
      <c r="V30" s="70">
        <v>1880</v>
      </c>
      <c r="W30" s="70">
        <v>2363</v>
      </c>
      <c r="X30" s="70">
        <v>1891</v>
      </c>
      <c r="Y30" s="70">
        <v>4254</v>
      </c>
      <c r="Z30" s="70">
        <v>5595</v>
      </c>
      <c r="AA30" s="70">
        <v>-95</v>
      </c>
      <c r="AB30" s="70">
        <v>-794</v>
      </c>
      <c r="AC30" s="71"/>
      <c r="AD30" s="71"/>
      <c r="AE30" s="71"/>
      <c r="AF30" s="72"/>
    </row>
    <row r="31" spans="1:32" x14ac:dyDescent="0.15"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3"/>
      <c r="AE31" s="73"/>
      <c r="AF31" s="73"/>
    </row>
    <row r="32" spans="1:32" x14ac:dyDescent="0.15">
      <c r="B32" s="74" t="s">
        <v>29</v>
      </c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AA32" s="73"/>
      <c r="AB32" s="75"/>
      <c r="AC32" s="75"/>
      <c r="AD32" s="75"/>
      <c r="AE32" s="75"/>
      <c r="AF32" s="75"/>
    </row>
    <row r="33" spans="2:36" x14ac:dyDescent="0.15">
      <c r="B33" s="74" t="s">
        <v>30</v>
      </c>
    </row>
    <row r="34" spans="2:36" x14ac:dyDescent="0.15">
      <c r="AF34" s="76">
        <v>1</v>
      </c>
      <c r="AG34" s="77">
        <v>180046</v>
      </c>
      <c r="AH34" s="77">
        <v>202380</v>
      </c>
      <c r="AI34" s="77">
        <v>213155</v>
      </c>
      <c r="AJ34" s="77">
        <v>415535</v>
      </c>
    </row>
    <row r="35" spans="2:36" x14ac:dyDescent="0.15">
      <c r="AF35" s="76">
        <v>2</v>
      </c>
      <c r="AG35" s="77">
        <v>180096</v>
      </c>
      <c r="AH35" s="77">
        <v>202307</v>
      </c>
      <c r="AI35" s="77">
        <v>213028</v>
      </c>
      <c r="AJ35" s="77">
        <v>415335</v>
      </c>
    </row>
    <row r="36" spans="2:36" x14ac:dyDescent="0.15">
      <c r="AF36" s="76">
        <v>3</v>
      </c>
      <c r="AG36" s="77">
        <v>180388</v>
      </c>
      <c r="AH36" s="77">
        <v>201988</v>
      </c>
      <c r="AI36" s="77">
        <v>212671</v>
      </c>
      <c r="AJ36" s="77">
        <v>414659</v>
      </c>
    </row>
    <row r="37" spans="2:36" x14ac:dyDescent="0.15">
      <c r="AF37" s="76">
        <v>4</v>
      </c>
      <c r="AG37" s="77">
        <v>181010</v>
      </c>
      <c r="AH37" s="77">
        <v>202238</v>
      </c>
      <c r="AI37" s="77">
        <v>212733</v>
      </c>
      <c r="AJ37" s="77">
        <v>414971</v>
      </c>
    </row>
    <row r="38" spans="2:36" x14ac:dyDescent="0.15">
      <c r="AF38" s="76">
        <v>5</v>
      </c>
      <c r="AG38" s="77" t="s">
        <v>31</v>
      </c>
      <c r="AH38" s="77" t="s">
        <v>31</v>
      </c>
      <c r="AI38" s="77" t="s">
        <v>31</v>
      </c>
      <c r="AJ38" s="77">
        <v>0</v>
      </c>
    </row>
    <row r="39" spans="2:36" x14ac:dyDescent="0.15">
      <c r="AF39" s="76">
        <v>6</v>
      </c>
      <c r="AG39" s="77" t="s">
        <v>31</v>
      </c>
      <c r="AH39" s="77" t="s">
        <v>31</v>
      </c>
      <c r="AI39" s="77" t="s">
        <v>31</v>
      </c>
      <c r="AJ39" s="77">
        <v>0</v>
      </c>
    </row>
    <row r="40" spans="2:36" x14ac:dyDescent="0.15">
      <c r="AF40" s="76">
        <v>7</v>
      </c>
      <c r="AG40" s="77" t="s">
        <v>31</v>
      </c>
      <c r="AH40" s="77" t="s">
        <v>31</v>
      </c>
      <c r="AI40" s="77" t="s">
        <v>31</v>
      </c>
      <c r="AJ40" s="77">
        <v>0</v>
      </c>
    </row>
    <row r="41" spans="2:36" x14ac:dyDescent="0.15">
      <c r="AF41" s="76">
        <v>8</v>
      </c>
      <c r="AG41" s="77" t="s">
        <v>31</v>
      </c>
      <c r="AH41" s="77" t="s">
        <v>31</v>
      </c>
      <c r="AI41" s="77" t="s">
        <v>31</v>
      </c>
      <c r="AJ41" s="77">
        <v>0</v>
      </c>
    </row>
    <row r="42" spans="2:36" x14ac:dyDescent="0.15">
      <c r="AF42" s="76">
        <v>9</v>
      </c>
      <c r="AG42" s="77" t="s">
        <v>31</v>
      </c>
      <c r="AH42" s="77" t="s">
        <v>31</v>
      </c>
      <c r="AI42" s="77" t="s">
        <v>31</v>
      </c>
      <c r="AJ42" s="77">
        <v>0</v>
      </c>
    </row>
    <row r="43" spans="2:36" x14ac:dyDescent="0.15">
      <c r="AF43" s="76">
        <v>10</v>
      </c>
      <c r="AG43" s="77" t="s">
        <v>31</v>
      </c>
      <c r="AH43" s="77" t="s">
        <v>31</v>
      </c>
      <c r="AI43" s="77" t="s">
        <v>31</v>
      </c>
      <c r="AJ43" s="77">
        <v>0</v>
      </c>
    </row>
    <row r="44" spans="2:36" x14ac:dyDescent="0.15">
      <c r="AF44" s="76">
        <v>11</v>
      </c>
      <c r="AG44" s="77" t="s">
        <v>31</v>
      </c>
      <c r="AH44" s="77" t="s">
        <v>31</v>
      </c>
      <c r="AI44" s="77" t="s">
        <v>31</v>
      </c>
      <c r="AJ44" s="77">
        <v>0</v>
      </c>
    </row>
    <row r="45" spans="2:36" x14ac:dyDescent="0.15">
      <c r="AF45" s="76">
        <v>12</v>
      </c>
      <c r="AG45" s="77" t="s">
        <v>31</v>
      </c>
      <c r="AH45" s="77" t="s">
        <v>31</v>
      </c>
      <c r="AI45" s="77" t="s">
        <v>31</v>
      </c>
      <c r="AJ45" s="77">
        <v>0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3"/>
  <printOptions horizontalCentered="1" verticalCentered="1"/>
  <pageMargins left="0.59055118110236227" right="0.59055118110236227" top="0" bottom="0.39370078740157483" header="0.51181102362204722" footer="0.51181102362204722"/>
  <pageSetup paperSize="9" scale="69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令和2年</vt:lpstr>
      <vt:lpstr>令和2年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20-05-15T05:07:59Z</dcterms:created>
  <dcterms:modified xsi:type="dcterms:W3CDTF">2020-05-15T05:08:46Z</dcterms:modified>
</cp:coreProperties>
</file>